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>
        <p:scale>
          <a:sx n="100" d="100"/>
          <a:sy n="100" d="100"/>
        </p:scale>
        <p:origin x="1277" y="-187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6/12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7" Type="http://schemas.openxmlformats.org/officeDocument/2006/relationships/image" Target="../media/image4.png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image" Target="../media/image3.png"/><Relationship Id="rId5" Type="http://schemas.openxmlformats.org/officeDocument/2006/relationships/image" Target="../media/image2.png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537F46CE-243A-A046-8F49-B92589B3FFFD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327593" y="1514288"/>
            <a:ext cx="2509327" cy="3711439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9AA9802C-B384-B973-091E-6989AFD2A4D8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100158" y="1514288"/>
            <a:ext cx="3444239" cy="3753828"/>
          </a:xfrm>
          <a:prstGeom prst="rect">
            <a:avLst/>
          </a:prstGeom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40883E2F-B3BA-4021-9A37-492C96D80F52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84516" y="3576211"/>
            <a:ext cx="2834886" cy="1767993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18</TotalTime>
  <Words>66</Words>
  <Application>Microsoft Office PowerPoint</Application>
  <PresentationFormat>Custom</PresentationFormat>
  <Paragraphs>10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ujjwal bisaria</cp:lastModifiedBy>
  <cp:revision>866</cp:revision>
  <cp:lastPrinted>2020-01-28T09:55:08Z</cp:lastPrinted>
  <dcterms:created xsi:type="dcterms:W3CDTF">2015-06-19T14:55:37Z</dcterms:created>
  <dcterms:modified xsi:type="dcterms:W3CDTF">2024-06-12T06:07:15Z</dcterms:modified>
</cp:coreProperties>
</file>